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98AC40D" w14:textId="3CD4AB35" w:rsidR="004C68D2" w:rsidRPr="004C68D2" w:rsidRDefault="004C68D2" w:rsidP="004C68D2">
      <w:pPr>
        <w:jc w:val="right"/>
        <w:rPr>
          <w:rFonts w:ascii="Arial" w:hAnsi="Arial" w:cs="Arial"/>
          <w:sz w:val="24"/>
          <w:szCs w:val="24"/>
          <w:lang w:val="nl-NL"/>
        </w:rPr>
      </w:pPr>
      <w:r w:rsidRPr="004C68D2">
        <w:rPr>
          <w:rFonts w:ascii="Arial" w:hAnsi="Arial" w:cs="Arial"/>
          <w:sz w:val="24"/>
          <w:szCs w:val="24"/>
          <w:lang w:val="nl-NL"/>
        </w:rPr>
        <w:t>           </w:t>
      </w:r>
      <w:r w:rsidRPr="004C68D2">
        <w:rPr>
          <w:rFonts w:ascii="Arial" w:hAnsi="Arial" w:cs="Arial"/>
          <w:sz w:val="24"/>
          <w:szCs w:val="24"/>
          <w:lang w:val="nl-NL"/>
        </w:rPr>
        <w:drawing>
          <wp:inline distT="0" distB="0" distL="0" distR="0" wp14:anchorId="45B8D543" wp14:editId="5EDA5057">
            <wp:extent cx="1504950" cy="685800"/>
            <wp:effectExtent l="0" t="0" r="0" b="0"/>
            <wp:docPr id="156637197" name="Afbeelding 2" descr="Afbeelding met Lettertype, Graphics, logo, grafische vormgeving&#10;&#10;Door AI gegenereerde inhoud is mogelijk onjuis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6637197" name="Afbeelding 2" descr="Afbeelding met Lettertype, Graphics, logo, grafische vormgeving&#10;&#10;Door AI gegenereerde inhoud is mogelijk onjuist."/>
                    <pic:cNvPicPr>
                      <a:picLocks noChangeAspect="1" noChangeArrowheads="1"/>
                    </pic:cNvPicPr>
                  </pic:nvPicPr>
                  <pic:blipFill>
                    <a:blip r:embed="rId9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504950" cy="6858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B8FFE77" w14:textId="77777777" w:rsidR="004C68D2" w:rsidRPr="004C68D2" w:rsidRDefault="004C68D2" w:rsidP="004C68D2">
      <w:pPr>
        <w:rPr>
          <w:rFonts w:ascii="Arial" w:hAnsi="Arial" w:cs="Arial"/>
          <w:sz w:val="24"/>
          <w:szCs w:val="24"/>
          <w:lang w:val="nl-NL"/>
        </w:rPr>
      </w:pPr>
      <w:r w:rsidRPr="004C68D2">
        <w:rPr>
          <w:rFonts w:ascii="Arial" w:hAnsi="Arial" w:cs="Arial"/>
          <w:b/>
          <w:bCs/>
          <w:sz w:val="24"/>
          <w:szCs w:val="24"/>
          <w:lang w:val="nl-NL"/>
        </w:rPr>
        <w:t>AANVRAAGFORMULIER JAARLIJKS SUBSIDIE VOOR 2027</w:t>
      </w:r>
      <w:r w:rsidRPr="004C68D2">
        <w:rPr>
          <w:rFonts w:ascii="Arial" w:hAnsi="Arial" w:cs="Arial"/>
          <w:sz w:val="24"/>
          <w:szCs w:val="24"/>
          <w:lang w:val="nl-NL"/>
        </w:rPr>
        <w:t> </w:t>
      </w:r>
    </w:p>
    <w:p w14:paraId="6E21E99A" w14:textId="77777777" w:rsidR="004C68D2" w:rsidRPr="004C68D2" w:rsidRDefault="004C68D2" w:rsidP="004C68D2">
      <w:pPr>
        <w:rPr>
          <w:rFonts w:ascii="Arial" w:hAnsi="Arial" w:cs="Arial"/>
          <w:sz w:val="24"/>
          <w:szCs w:val="24"/>
          <w:lang w:val="nl-NL"/>
        </w:rPr>
      </w:pPr>
      <w:r w:rsidRPr="004C68D2">
        <w:rPr>
          <w:rFonts w:ascii="Arial" w:hAnsi="Arial" w:cs="Arial"/>
          <w:sz w:val="24"/>
          <w:szCs w:val="24"/>
          <w:lang w:val="nl-NL"/>
        </w:rPr>
        <w:t> </w:t>
      </w:r>
    </w:p>
    <w:p w14:paraId="260BB900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De gemeente Dantumadiel heeft onderstaande gegevens nodig om uw subsidieaanvraag in behandeling te kunnen nemen. Dit volledig ingevulde formulier moet vóór 1 juni 2026 worden opgestuurd naar: </w:t>
      </w:r>
    </w:p>
    <w:p w14:paraId="2AC4F8D0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618A05CC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Gemeente Dantumadiel </w:t>
      </w:r>
    </w:p>
    <w:p w14:paraId="070D52D5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Team Beleid Sociaal Domein  </w:t>
      </w:r>
    </w:p>
    <w:p w14:paraId="252F6230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Postbus 22 </w:t>
      </w:r>
    </w:p>
    <w:p w14:paraId="25D696BE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9104 ZG </w:t>
      </w:r>
      <w:proofErr w:type="spellStart"/>
      <w:r w:rsidRPr="004C68D2">
        <w:rPr>
          <w:rFonts w:ascii="Arial" w:hAnsi="Arial" w:cs="Arial"/>
          <w:sz w:val="20"/>
          <w:szCs w:val="20"/>
          <w:lang w:val="nl-NL"/>
        </w:rPr>
        <w:t>Damwâld</w:t>
      </w:r>
      <w:proofErr w:type="spellEnd"/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3461BF8E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24FE7DD5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U kunt de aanvraag digitaal indienen door deze op te sturen naar </w:t>
      </w:r>
      <w:hyperlink r:id="rId10" w:tgtFrame="_blank" w:history="1">
        <w:r w:rsidRPr="004C68D2">
          <w:rPr>
            <w:rStyle w:val="Hyperlink"/>
            <w:rFonts w:ascii="Arial" w:hAnsi="Arial" w:cs="Arial"/>
            <w:sz w:val="20"/>
            <w:szCs w:val="20"/>
            <w:lang w:val="nl-NL"/>
          </w:rPr>
          <w:t>subsidiebureau@dantumadiel.frl</w:t>
        </w:r>
      </w:hyperlink>
      <w:r w:rsidRPr="004C68D2">
        <w:rPr>
          <w:rFonts w:ascii="Arial" w:hAnsi="Arial" w:cs="Arial"/>
          <w:sz w:val="20"/>
          <w:szCs w:val="20"/>
          <w:lang w:val="nl-NL"/>
        </w:rPr>
        <w:t>  </w:t>
      </w:r>
    </w:p>
    <w:p w14:paraId="522E26A6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703C3E36" w14:textId="2553B722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Datum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______________________________________________ </w:t>
      </w:r>
    </w:p>
    <w:p w14:paraId="6DC57972" w14:textId="093739F1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Naam aanvragende organisatie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______________________________________________ </w:t>
      </w:r>
    </w:p>
    <w:p w14:paraId="2B5ADAB3" w14:textId="26B682BC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Handelsregisternummer*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______________________________________________ </w:t>
      </w:r>
    </w:p>
    <w:p w14:paraId="5784CC35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1C9AFC86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*Het handelsregisternummer is gelijk aan het Kamer van Koophandel nummer </w:t>
      </w:r>
    </w:p>
    <w:p w14:paraId="00D67068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3DA30373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31C81910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b/>
          <w:bCs/>
          <w:sz w:val="20"/>
          <w:szCs w:val="20"/>
          <w:lang w:val="nl-NL"/>
        </w:rPr>
        <w:t>Contactgegevens organisatie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64764849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28C011AE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Naam secretariaat  (M/V)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______________________________________________ </w:t>
      </w:r>
    </w:p>
    <w:p w14:paraId="3814A968" w14:textId="42C228E6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Straat en huisnummer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______________________________________________ </w:t>
      </w:r>
    </w:p>
    <w:p w14:paraId="0BAEB7EC" w14:textId="2DA7DC81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Postcode en plaats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______________________________________________ </w:t>
      </w:r>
    </w:p>
    <w:p w14:paraId="507683FF" w14:textId="1BC31409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Telefoonnummer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______________________________________________ </w:t>
      </w:r>
    </w:p>
    <w:p w14:paraId="79514AAE" w14:textId="25E46893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E-mail adres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______________________________________________ </w:t>
      </w:r>
    </w:p>
    <w:p w14:paraId="3EAAEAA0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3DF7C7E1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lastRenderedPageBreak/>
        <w:t> </w:t>
      </w:r>
    </w:p>
    <w:p w14:paraId="65BBCEB7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b/>
          <w:bCs/>
          <w:sz w:val="20"/>
          <w:szCs w:val="20"/>
          <w:lang w:val="nl-NL"/>
        </w:rPr>
        <w:t>Financiële gegevens organisatie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70F6235C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2DB77B4E" w14:textId="0CF0A7D0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Rekeningnummer organisatie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 </w:t>
      </w:r>
    </w:p>
    <w:p w14:paraId="36B74C43" w14:textId="1ABFA661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Ten name van</w:t>
      </w:r>
      <w:r w:rsidRPr="004C68D2">
        <w:rPr>
          <w:rFonts w:ascii="Arial" w:hAnsi="Arial" w:cs="Arial"/>
          <w:sz w:val="20"/>
          <w:szCs w:val="20"/>
          <w:lang w:val="nl-NL"/>
        </w:rPr>
        <w:tab/>
        <w:t>                                     </w:t>
      </w:r>
      <w:r w:rsidR="00131343">
        <w:rPr>
          <w:rFonts w:ascii="Arial" w:hAnsi="Arial" w:cs="Arial"/>
          <w:sz w:val="20"/>
          <w:szCs w:val="20"/>
          <w:lang w:val="nl-NL"/>
        </w:rPr>
        <w:t xml:space="preserve"> </w:t>
      </w:r>
      <w:r w:rsidRPr="004C68D2">
        <w:rPr>
          <w:rFonts w:ascii="Arial" w:hAnsi="Arial" w:cs="Arial"/>
          <w:sz w:val="20"/>
          <w:szCs w:val="20"/>
          <w:lang w:val="nl-NL"/>
        </w:rPr>
        <w:t> ______________________________________________      </w:t>
      </w:r>
    </w:p>
    <w:p w14:paraId="30F5807B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554EB5DD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47A3CE8E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b/>
          <w:bCs/>
          <w:sz w:val="20"/>
          <w:szCs w:val="20"/>
          <w:lang w:val="nl-NL"/>
        </w:rPr>
        <w:t>Aanvullende informatie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7237ED4F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6697D3BA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Vindt de activiteit plaats in de gemeente?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O ja</w:t>
      </w:r>
      <w:r w:rsidRPr="004C68D2">
        <w:rPr>
          <w:rFonts w:ascii="Arial" w:hAnsi="Arial" w:cs="Arial"/>
          <w:sz w:val="20"/>
          <w:szCs w:val="20"/>
          <w:lang w:val="nl-NL"/>
        </w:rPr>
        <w:tab/>
        <w:t> O nee, namelijk______________ </w:t>
      </w:r>
    </w:p>
    <w:p w14:paraId="69A2734A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182DCD3B" w14:textId="77777777" w:rsidR="004C68D2" w:rsidRPr="004C68D2" w:rsidRDefault="004C68D2" w:rsidP="004C68D2">
      <w:pPr>
        <w:spacing w:before="240"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Is de activiteit voor iedereen toegankelijk?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O ja</w:t>
      </w:r>
      <w:r w:rsidRPr="004C68D2">
        <w:rPr>
          <w:rFonts w:ascii="Arial" w:hAnsi="Arial" w:cs="Arial"/>
          <w:sz w:val="20"/>
          <w:szCs w:val="20"/>
          <w:lang w:val="nl-NL"/>
        </w:rPr>
        <w:tab/>
        <w:t> O nee </w:t>
      </w:r>
    </w:p>
    <w:p w14:paraId="302700C3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08F0B5A5" w14:textId="00AE592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  <w:r w:rsidRPr="004C68D2">
        <w:rPr>
          <w:rFonts w:ascii="Arial" w:hAnsi="Arial" w:cs="Arial"/>
          <w:b/>
          <w:bCs/>
          <w:sz w:val="20"/>
          <w:szCs w:val="20"/>
          <w:lang w:val="nl-NL"/>
        </w:rPr>
        <w:t>Omschrijving activiteit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15753384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4C4607C0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Hieronder kunt u de activiteit waar u subsidie voor aanvraagt omschrijven, onder meer het doel en uitvoeringsdatum(s). U mag ook een eigen activiteitenplan/projectplan als bijlage toevoegen. </w:t>
      </w:r>
    </w:p>
    <w:p w14:paraId="35A41E74" w14:textId="77777777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7431097A" w14:textId="77777777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3BD247C7" w14:textId="73BB20C0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0D186B12" w14:textId="77777777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6013982C" w14:textId="6CE44CA0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3828EC05" w14:textId="77777777" w:rsidR="00131343" w:rsidRPr="004C68D2" w:rsidRDefault="004C68D2" w:rsidP="00131343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  <w:r w:rsidR="00131343"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14F35163" w14:textId="77777777" w:rsidR="00131343" w:rsidRPr="004C68D2" w:rsidRDefault="00131343" w:rsidP="00131343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55860713" w14:textId="77777777" w:rsidR="00131343" w:rsidRPr="004C68D2" w:rsidRDefault="00131343" w:rsidP="00131343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11CA4204" w14:textId="77777777" w:rsidR="00131343" w:rsidRPr="004C68D2" w:rsidRDefault="00131343" w:rsidP="00131343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71A3E0D2" w14:textId="77777777" w:rsidR="00131343" w:rsidRPr="004C68D2" w:rsidRDefault="00131343" w:rsidP="00131343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36F4BBDF" w14:textId="77777777" w:rsidR="00131343" w:rsidRPr="004C68D2" w:rsidRDefault="00131343" w:rsidP="00131343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65D81CEC" w14:textId="77777777" w:rsidR="00131343" w:rsidRPr="004C68D2" w:rsidRDefault="00131343" w:rsidP="00131343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2EDA6B71" w14:textId="77777777" w:rsidR="00131343" w:rsidRPr="004C68D2" w:rsidRDefault="00131343" w:rsidP="00131343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6AC1AE9E" w14:textId="17534C54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</w:p>
    <w:p w14:paraId="074B238C" w14:textId="59C45579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lastRenderedPageBreak/>
        <w:t> </w:t>
      </w:r>
    </w:p>
    <w:p w14:paraId="689F71B2" w14:textId="7FCE9DF0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b/>
          <w:bCs/>
          <w:sz w:val="20"/>
          <w:szCs w:val="20"/>
          <w:lang w:val="nl-NL"/>
        </w:rPr>
        <w:t>Begroting 202</w:t>
      </w:r>
      <w:r>
        <w:rPr>
          <w:rFonts w:ascii="Arial" w:hAnsi="Arial" w:cs="Arial"/>
          <w:b/>
          <w:bCs/>
          <w:sz w:val="20"/>
          <w:szCs w:val="20"/>
          <w:lang w:val="nl-NL"/>
        </w:rPr>
        <w:t>7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47D9B093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0557DB5C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168717BD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b/>
          <w:bCs/>
          <w:sz w:val="20"/>
          <w:szCs w:val="20"/>
          <w:lang w:val="nl-NL"/>
        </w:rPr>
        <w:t>Inkomsten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b/>
          <w:bCs/>
          <w:sz w:val="20"/>
          <w:szCs w:val="20"/>
          <w:lang w:val="nl-NL"/>
        </w:rPr>
        <w:t>Bedrag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b/>
          <w:bCs/>
          <w:sz w:val="20"/>
          <w:szCs w:val="20"/>
          <w:lang w:val="nl-NL"/>
        </w:rPr>
        <w:t>Uitgaven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b/>
          <w:bCs/>
          <w:sz w:val="20"/>
          <w:szCs w:val="20"/>
          <w:lang w:val="nl-NL"/>
        </w:rPr>
        <w:t>Bedrag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57A673CB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27B50D30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De soort inkomsten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Het bedrag in euro’s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De soort kosten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Het bedrag in euro’s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67C7A721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71637BC5" w14:textId="77777777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__________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 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05FAAA1D" w14:textId="71ED3E97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__________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 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114F2422" w14:textId="35871646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__________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 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76964D03" w14:textId="165F8304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__________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 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70CEEEAF" w14:textId="77777777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__________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 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3406C2F0" w14:textId="34826E38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__________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 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4FA5B9B9" w14:textId="77777777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__________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68D2B736" w14:textId="77777777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__________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7A539964" w14:textId="77777777" w:rsidR="004C68D2" w:rsidRPr="004C68D2" w:rsidRDefault="004C68D2" w:rsidP="004C68D2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__________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 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036C0144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__________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 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01E3691D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__________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 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i/>
          <w:iCs/>
          <w:sz w:val="20"/>
          <w:szCs w:val="20"/>
          <w:lang w:val="nl-NL"/>
        </w:rPr>
        <w:t>€ 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2F4CCF70" w14:textId="593DB753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  <w:r w:rsidRPr="004C68D2">
        <w:rPr>
          <w:rFonts w:ascii="Arial" w:hAnsi="Arial" w:cs="Arial"/>
          <w:b/>
          <w:bCs/>
          <w:sz w:val="20"/>
          <w:szCs w:val="20"/>
          <w:lang w:val="nl-NL"/>
        </w:rPr>
        <w:t>Totaal inkomsten          </w:t>
      </w:r>
      <w:r w:rsidRPr="004C68D2">
        <w:rPr>
          <w:rFonts w:ascii="Arial" w:hAnsi="Arial" w:cs="Arial"/>
          <w:sz w:val="20"/>
          <w:szCs w:val="20"/>
          <w:lang w:val="nl-NL"/>
        </w:rPr>
        <w:tab/>
        <w:t>€</w:t>
      </w:r>
      <w:r w:rsidRPr="004C68D2">
        <w:rPr>
          <w:rFonts w:ascii="Arial" w:hAnsi="Arial" w:cs="Arial"/>
          <w:b/>
          <w:bCs/>
          <w:sz w:val="20"/>
          <w:szCs w:val="20"/>
          <w:lang w:val="nl-NL"/>
        </w:rPr>
        <w:t>_______________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b/>
          <w:bCs/>
          <w:sz w:val="20"/>
          <w:szCs w:val="20"/>
          <w:lang w:val="nl-NL"/>
        </w:rPr>
        <w:t>Totaal uitgaven</w:t>
      </w:r>
      <w:r w:rsidRPr="004C68D2">
        <w:rPr>
          <w:rFonts w:ascii="Arial" w:hAnsi="Arial" w:cs="Arial"/>
          <w:sz w:val="20"/>
          <w:szCs w:val="20"/>
          <w:lang w:val="nl-NL"/>
        </w:rPr>
        <w:tab/>
        <w:t>€ _____________ </w:t>
      </w:r>
    </w:p>
    <w:p w14:paraId="6B9E415A" w14:textId="77777777" w:rsid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</w:p>
    <w:p w14:paraId="221548A2" w14:textId="5C0FF7B2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  <w:r w:rsidRPr="004C68D2">
        <w:rPr>
          <w:rFonts w:ascii="Arial" w:hAnsi="Arial" w:cs="Arial"/>
          <w:b/>
          <w:bCs/>
          <w:sz w:val="20"/>
          <w:szCs w:val="20"/>
          <w:lang w:val="nl-NL"/>
        </w:rPr>
        <w:t>Resultaat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_________________________________________________ </w:t>
      </w:r>
    </w:p>
    <w:p w14:paraId="34ABD71B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b/>
          <w:bCs/>
          <w:sz w:val="20"/>
          <w:szCs w:val="20"/>
          <w:lang w:val="nl-NL"/>
        </w:rPr>
        <w:t>Eventuele toelichting op de begroting 2027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3F67E76F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10266D7F" w14:textId="2441014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 </w:t>
      </w:r>
    </w:p>
    <w:p w14:paraId="0EB812AE" w14:textId="0222B99C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1BE15C91" w14:textId="57F8E2D4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 </w:t>
      </w:r>
    </w:p>
    <w:p w14:paraId="0C58A280" w14:textId="0AF001E6" w:rsidR="00131343" w:rsidRPr="004C68D2" w:rsidRDefault="00131343" w:rsidP="00131343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3F5EB0D0" w14:textId="77777777" w:rsidR="00131343" w:rsidRPr="004C68D2" w:rsidRDefault="00131343" w:rsidP="00131343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2EB1EAC3" w14:textId="77777777" w:rsidR="00131343" w:rsidRPr="004C68D2" w:rsidRDefault="00131343" w:rsidP="00131343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7A881473" w14:textId="77777777" w:rsidR="00131343" w:rsidRPr="004C68D2" w:rsidRDefault="00131343" w:rsidP="00131343">
      <w:pPr>
        <w:spacing w:line="240" w:lineRule="auto"/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____________________________________________ </w:t>
      </w:r>
    </w:p>
    <w:p w14:paraId="00E3168A" w14:textId="77777777" w:rsidR="00131343" w:rsidRDefault="00131343" w:rsidP="004C68D2">
      <w:pPr>
        <w:rPr>
          <w:rFonts w:ascii="Arial" w:hAnsi="Arial" w:cs="Arial"/>
          <w:b/>
          <w:bCs/>
          <w:sz w:val="20"/>
          <w:szCs w:val="20"/>
          <w:lang w:val="nl-NL"/>
        </w:rPr>
      </w:pPr>
    </w:p>
    <w:p w14:paraId="005D86F3" w14:textId="34858243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b/>
          <w:bCs/>
          <w:sz w:val="20"/>
          <w:szCs w:val="20"/>
          <w:lang w:val="nl-NL"/>
        </w:rPr>
        <w:lastRenderedPageBreak/>
        <w:t>Verklaring</w:t>
      </w: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1F0ECDC7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15F9194C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Hiermee verklaren wij, het bestuur van bovengenoemde vereniging/stichting, dat: </w:t>
      </w:r>
    </w:p>
    <w:p w14:paraId="104C3DD9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57ED5B03" w14:textId="77777777" w:rsidR="004C68D2" w:rsidRPr="004C68D2" w:rsidRDefault="004C68D2" w:rsidP="004C68D2">
      <w:pPr>
        <w:numPr>
          <w:ilvl w:val="0"/>
          <w:numId w:val="1"/>
        </w:num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deze aanvraag en de eventuele bijlagen volledig en naar waarheid zijn ingevuld; </w:t>
      </w:r>
    </w:p>
    <w:p w14:paraId="47C9703C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15E38817" w14:textId="77777777" w:rsidR="004C68D2" w:rsidRPr="004C68D2" w:rsidRDefault="004C68D2" w:rsidP="004C68D2">
      <w:pPr>
        <w:numPr>
          <w:ilvl w:val="0"/>
          <w:numId w:val="2"/>
        </w:num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de gevraagde subsidie wordt gebruikt voor de activiteiten waarvoor deze zijn aangevraagd. </w:t>
      </w:r>
    </w:p>
    <w:p w14:paraId="54E8891C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77E0DE32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Ondertekening namens het bestuur (door het bestuur gemachtigd om te ondertekenen): </w:t>
      </w:r>
    </w:p>
    <w:p w14:paraId="08B91B01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404DAC23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7ED18C15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Naam bestuurslid : </w:t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</w:r>
      <w:r w:rsidRPr="004C68D2">
        <w:rPr>
          <w:rFonts w:ascii="Arial" w:hAnsi="Arial" w:cs="Arial"/>
          <w:sz w:val="20"/>
          <w:szCs w:val="20"/>
          <w:lang w:val="nl-NL"/>
        </w:rPr>
        <w:tab/>
        <w:t>Handtekening </w:t>
      </w:r>
    </w:p>
    <w:p w14:paraId="47F80BDF" w14:textId="77777777" w:rsidR="004C68D2" w:rsidRPr="004C68D2" w:rsidRDefault="004C68D2" w:rsidP="004C68D2">
      <w:pPr>
        <w:rPr>
          <w:rFonts w:ascii="Arial" w:hAnsi="Arial" w:cs="Arial"/>
          <w:sz w:val="20"/>
          <w:szCs w:val="20"/>
          <w:lang w:val="nl-NL"/>
        </w:rPr>
      </w:pPr>
      <w:r w:rsidRPr="004C68D2">
        <w:rPr>
          <w:rFonts w:ascii="Arial" w:hAnsi="Arial" w:cs="Arial"/>
          <w:sz w:val="20"/>
          <w:szCs w:val="20"/>
          <w:lang w:val="nl-NL"/>
        </w:rPr>
        <w:t> </w:t>
      </w:r>
    </w:p>
    <w:p w14:paraId="0C8F4F90" w14:textId="438F7960" w:rsidR="006D4890" w:rsidRPr="004C68D2" w:rsidRDefault="004C68D2">
      <w:pPr>
        <w:rPr>
          <w:rFonts w:ascii="Arial" w:hAnsi="Arial" w:cs="Arial"/>
          <w:sz w:val="20"/>
          <w:szCs w:val="20"/>
        </w:rPr>
      </w:pPr>
      <w:r w:rsidRPr="004C68D2">
        <w:rPr>
          <w:rFonts w:ascii="Arial" w:hAnsi="Arial" w:cs="Arial"/>
          <w:sz w:val="20"/>
          <w:szCs w:val="20"/>
          <w:lang w:val="nl-NL"/>
        </w:rPr>
        <w:t>_____________________________________  ________________________________ </w:t>
      </w:r>
    </w:p>
    <w:sectPr w:rsidR="006D4890" w:rsidRPr="004C68D2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D4946C9" w14:textId="77777777" w:rsidR="004C68D2" w:rsidRDefault="004C68D2" w:rsidP="00961960">
      <w:pPr>
        <w:spacing w:after="0" w:line="240" w:lineRule="auto"/>
      </w:pPr>
      <w:r>
        <w:separator/>
      </w:r>
    </w:p>
  </w:endnote>
  <w:endnote w:type="continuationSeparator" w:id="0">
    <w:p w14:paraId="3A266ABC" w14:textId="77777777" w:rsidR="004C68D2" w:rsidRDefault="004C68D2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7BCAF0D" w14:textId="77777777" w:rsidR="00961960" w:rsidRDefault="00961960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4A9D765" w14:textId="77777777" w:rsidR="00961960" w:rsidRDefault="00961960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B25913" w14:textId="77777777" w:rsidR="00961960" w:rsidRDefault="0096196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A372F94" w14:textId="77777777" w:rsidR="004C68D2" w:rsidRDefault="004C68D2" w:rsidP="00961960">
      <w:pPr>
        <w:spacing w:after="0" w:line="240" w:lineRule="auto"/>
      </w:pPr>
      <w:r>
        <w:separator/>
      </w:r>
    </w:p>
  </w:footnote>
  <w:footnote w:type="continuationSeparator" w:id="0">
    <w:p w14:paraId="1CF1895D" w14:textId="77777777" w:rsidR="004C68D2" w:rsidRDefault="004C68D2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A77FA1" w14:textId="77777777" w:rsidR="00961960" w:rsidRDefault="00961960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F570AC" w14:textId="77777777" w:rsidR="00961960" w:rsidRDefault="00961960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3FBF4BA" w14:textId="77777777" w:rsidR="00961960" w:rsidRDefault="00961960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0781CED"/>
    <w:multiLevelType w:val="multilevel"/>
    <w:tmpl w:val="C6949EA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" w15:restartNumberingAfterBreak="0">
    <w:nsid w:val="48A07048"/>
    <w:multiLevelType w:val="multilevel"/>
    <w:tmpl w:val="A0FC797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1650013422">
    <w:abstractNumId w:val="0"/>
  </w:num>
  <w:num w:numId="2" w16cid:durableId="1282809417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DateAndTime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4C68D2"/>
    <w:rsid w:val="00131343"/>
    <w:rsid w:val="003F16FF"/>
    <w:rsid w:val="004C68D2"/>
    <w:rsid w:val="00587C56"/>
    <w:rsid w:val="006D4890"/>
    <w:rsid w:val="00761D15"/>
    <w:rsid w:val="007A475C"/>
    <w:rsid w:val="008036EB"/>
    <w:rsid w:val="0086573C"/>
    <w:rsid w:val="00961960"/>
    <w:rsid w:val="00C676EC"/>
    <w:rsid w:val="00F162D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C034FDD"/>
  <w15:chartTrackingRefBased/>
  <w15:docId w15:val="{F5D0B7C8-6AD4-4584-95F0-E81C213518D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  <w:style w:type="character" w:styleId="Hyperlink">
    <w:name w:val="Hyperlink"/>
    <w:basedOn w:val="Standaardalinea-lettertype"/>
    <w:uiPriority w:val="99"/>
    <w:unhideWhenUsed/>
    <w:rsid w:val="004C68D2"/>
    <w:rPr>
      <w:color w:val="467886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4C68D2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699585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125888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277889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36011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5016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391727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843103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102207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348727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089778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610969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44198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757733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79047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762227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782335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098975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64840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6875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968450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86476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822532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415495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43196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024873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263548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557717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054612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952572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955797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72297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42680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188804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748103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328277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118346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408021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519582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93495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705488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384062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522786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189366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37846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5465133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080760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78912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02723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180654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869164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497567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953703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689036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709753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788168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946403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755727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918214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564490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325770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322494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035855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504768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092944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468035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055785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893900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87623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910737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979369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084277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669727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145562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92508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428348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461937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192326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55753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03141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790529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701709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31989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453120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059242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568685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423246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960447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987296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882250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97504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582856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486145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197669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645053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718407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869598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90108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08281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46675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088042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956363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447819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443925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07956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17187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708137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525839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2383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89414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857942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236145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872730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987728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411150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36032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954856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30385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036589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145158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444602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157441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39952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66291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732503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544792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995789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11041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49889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12339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473652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638753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855058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55138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00674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653695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425231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551900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474053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24070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165662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266405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375239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98556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6051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01949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319273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644512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635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715957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308607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80657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542854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587168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970197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281842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26603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03026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742019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847132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024724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908484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898861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570812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017522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172916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891842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34158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117153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948203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40028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543594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351814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424300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011586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069628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930381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213591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280133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8808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5201220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10741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267479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483842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676805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119814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516593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64064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824356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350455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821514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135670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265958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23932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48075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46644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568222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51697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26497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246978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017413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089031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55440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635987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331277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795500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064437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670453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210543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59041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450745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3346680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513697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07574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225610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394554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425638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656130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74616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509635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934093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608623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517559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4589773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724744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168681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57828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56964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250695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358416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976755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559877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905597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995427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606012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802586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559492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15147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441670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862173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605288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846028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258214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33800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090181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62183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98637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752579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598689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50275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377605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5" Type="http://schemas.openxmlformats.org/officeDocument/2006/relationships/header" Target="header3.xml"/><Relationship Id="rId10" Type="http://schemas.openxmlformats.org/officeDocument/2006/relationships/hyperlink" Target="mailto:subsidiebureau@dantumadiel.frl" TargetMode="External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hoek17\AppData\Local\Temp\6\Templafy\WordVsto\blankdocumen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9CD1C9A-BC2A-422D-A726-FE176730E9DB}">
  <ds:schemaRefs/>
</ds:datastoreItem>
</file>

<file path=customXml/itemProps2.xml><?xml version="1.0" encoding="utf-8"?>
<ds:datastoreItem xmlns:ds="http://schemas.openxmlformats.org/officeDocument/2006/customXml" ds:itemID="{0AFAE758-23AD-47DD-8109-C77AC1EEB83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document</Template>
  <TotalTime>13</TotalTime>
  <Pages>4</Pages>
  <Words>771</Words>
  <Characters>4246</Characters>
  <Application>Microsoft Office Word</Application>
  <DocSecurity>0</DocSecurity>
  <Lines>35</Lines>
  <Paragraphs>10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00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ekstra, Johanna</dc:creator>
  <cp:keywords/>
  <dc:description/>
  <cp:lastModifiedBy>Hoekstra-Hoekstra, Johanna</cp:lastModifiedBy>
  <cp:revision>1</cp:revision>
  <dcterms:created xsi:type="dcterms:W3CDTF">2026-05-19T11:31:00Z</dcterms:created>
  <dcterms:modified xsi:type="dcterms:W3CDTF">2026-05-19T11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sc</vt:lpwstr>
  </property>
  <property fmtid="{D5CDD505-2E9C-101B-9397-08002B2CF9AE}" pid="3" name="TemplafyTemplateId">
    <vt:lpwstr>970955981052182850</vt:lpwstr>
  </property>
  <property fmtid="{D5CDD505-2E9C-101B-9397-08002B2CF9AE}" pid="4" name="TemplafyUserProfileId">
    <vt:lpwstr>819573562843332741</vt:lpwstr>
  </property>
  <property fmtid="{D5CDD505-2E9C-101B-9397-08002B2CF9AE}" pid="5" name="TemplafyFromBlank">
    <vt:bool>true</vt:bool>
  </property>
</Properties>
</file>